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oordw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A32F4ED8-4FBF-95AD-86FB-9AC4905BB64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526" y="4686687"/>
            <a:ext cx="2594699" cy="197716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28823" y="454558"/>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8A63D0BE-350B-B989-E9FE-E24A62B4894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9508" y="3966419"/>
            <a:ext cx="1763223" cy="134357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15T14:09:08Z</dcterms:modified>
</cp:coreProperties>
</file>